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36_2025 Drenážne katétre\02. Príprava\05. PTK\"/>
    </mc:Choice>
  </mc:AlternateContent>
  <bookViews>
    <workbookView xWindow="0" yWindow="0" windowWidth="20730" windowHeight="11760"/>
  </bookViews>
  <sheets>
    <sheet name="Príloha č. 1" sheetId="3" r:id="rId1"/>
  </sheets>
  <definedNames>
    <definedName name="_xlnm.Print_Area" localSheetId="0">'Príloha č. 1'!$A$1:$N$6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8" i="3" l="1"/>
  <c r="N9" i="3"/>
  <c r="N10" i="3"/>
  <c r="M8" i="3"/>
  <c r="M9" i="3"/>
  <c r="M10" i="3"/>
  <c r="L8" i="3"/>
  <c r="L9" i="3"/>
  <c r="L10" i="3"/>
  <c r="K8" i="3" l="1"/>
  <c r="K9" i="3"/>
  <c r="K10" i="3"/>
  <c r="K7" i="3" l="1"/>
  <c r="L7" i="3" s="1"/>
  <c r="N7" i="3" s="1"/>
  <c r="M7" i="3" l="1"/>
  <c r="N11" i="3" l="1"/>
  <c r="M11" i="3"/>
</calcChain>
</file>

<file path=xl/sharedStrings.xml><?xml version="1.0" encoding="utf-8"?>
<sst xmlns="http://schemas.openxmlformats.org/spreadsheetml/2006/main" count="168" uniqueCount="62">
  <si>
    <t>1.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SPOLU:</t>
  </si>
  <si>
    <t>Obchodné meno/Názov uchádzača:</t>
  </si>
  <si>
    <t>Sídlo/Miesto podnikania:</t>
  </si>
  <si>
    <t>Výška DPH</t>
  </si>
  <si>
    <t>Celková cena za predpokladané
 množstvo MJ v EUR</t>
  </si>
  <si>
    <t>Predpokladané množstvo MJ  na obdobie 36 mesiacov</t>
  </si>
  <si>
    <t>Drenážny katéter, typ 1</t>
  </si>
  <si>
    <t>Drenážny katéter, typ 2</t>
  </si>
  <si>
    <t>Drenážny katéter, typ 3</t>
  </si>
  <si>
    <t>Drenážny katéter, typ 4</t>
  </si>
  <si>
    <t>Sortiment položky č. 1 -  Drenážny katéter, typ 1</t>
  </si>
  <si>
    <t>Sortiment položky č. 2 -  Drenážny katéter, typ 2</t>
  </si>
  <si>
    <t>Predpokladané množstvo MJ na obdobie 36 mesiacov</t>
  </si>
  <si>
    <t>Sortiment položky č. 3 -  Drenážny katéter, typ 3</t>
  </si>
  <si>
    <t>Sortiment položky č. 4 -  Drenážny katéter, typ 4</t>
  </si>
  <si>
    <t>Drenážne katétre</t>
  </si>
  <si>
    <t>Uchádzač je povinný produkt s najvyššou zmluvnou jednotkovou cenou bez DPH uvedený u príslušnej položky viditeľne označíť žltým podfarbením celého riadku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a Sortiment ponúkaného tovaru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b/>
      <i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4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8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0" fontId="2" fillId="0" borderId="31" xfId="0" applyFont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38" xfId="0" applyNumberFormat="1" applyFont="1" applyFill="1" applyBorder="1" applyAlignment="1" applyProtection="1">
      <alignment horizontal="right" vertical="center"/>
      <protection locked="0"/>
    </xf>
    <xf numFmtId="164" fontId="2" fillId="4" borderId="37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33" xfId="0" applyNumberFormat="1" applyFont="1" applyBorder="1" applyAlignment="1" applyProtection="1">
      <alignment horizontal="right" vertical="center" wrapText="1"/>
      <protection locked="0"/>
    </xf>
    <xf numFmtId="9" fontId="2" fillId="0" borderId="25" xfId="0" applyNumberFormat="1" applyFont="1" applyBorder="1" applyAlignment="1" applyProtection="1">
      <alignment horizontal="center" vertical="center" wrapText="1"/>
      <protection locked="0"/>
    </xf>
    <xf numFmtId="164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41" xfId="0" applyNumberFormat="1" applyFont="1" applyBorder="1" applyAlignment="1" applyProtection="1">
      <alignment horizontal="center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2" fillId="0" borderId="18" xfId="0" applyFont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2" fillId="5" borderId="31" xfId="0" applyFont="1" applyFill="1" applyBorder="1" applyAlignment="1" applyProtection="1">
      <alignment horizontal="center" vertical="center" wrapText="1"/>
      <protection locked="0"/>
    </xf>
    <xf numFmtId="164" fontId="2" fillId="0" borderId="4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47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49" fontId="3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left" vertical="center" wrapText="1"/>
      <protection locked="0"/>
    </xf>
    <xf numFmtId="10" fontId="12" fillId="0" borderId="18" xfId="0" applyNumberFormat="1" applyFont="1" applyBorder="1" applyAlignment="1">
      <alignment horizontal="center" vertical="center" wrapText="1"/>
    </xf>
    <xf numFmtId="164" fontId="12" fillId="0" borderId="18" xfId="0" applyNumberFormat="1" applyFont="1" applyBorder="1" applyAlignment="1">
      <alignment horizontal="center" vertical="center" wrapText="1"/>
    </xf>
    <xf numFmtId="0" fontId="17" fillId="2" borderId="3" xfId="0" applyFont="1" applyFill="1" applyBorder="1" applyAlignment="1" applyProtection="1">
      <alignment horizontal="center" vertical="center" wrapText="1"/>
      <protection locked="0"/>
    </xf>
    <xf numFmtId="0" fontId="17" fillId="2" borderId="28" xfId="0" applyFont="1" applyFill="1" applyBorder="1" applyAlignment="1" applyProtection="1">
      <alignment horizontal="center" vertical="top" wrapText="1"/>
      <protection locked="0"/>
    </xf>
    <xf numFmtId="0" fontId="17" fillId="2" borderId="3" xfId="0" applyFont="1" applyFill="1" applyBorder="1" applyAlignment="1" applyProtection="1">
      <alignment horizontal="center" vertical="top" wrapText="1"/>
      <protection locked="0"/>
    </xf>
    <xf numFmtId="0" fontId="17" fillId="2" borderId="43" xfId="0" applyFont="1" applyFill="1" applyBorder="1" applyAlignment="1" applyProtection="1">
      <alignment horizontal="center" vertical="top" wrapText="1"/>
      <protection locked="0"/>
    </xf>
    <xf numFmtId="0" fontId="17" fillId="2" borderId="44" xfId="0" applyFont="1" applyFill="1" applyBorder="1" applyAlignment="1" applyProtection="1">
      <alignment horizontal="center" vertical="top" wrapText="1"/>
      <protection locked="0"/>
    </xf>
    <xf numFmtId="0" fontId="17" fillId="2" borderId="8" xfId="0" applyFont="1" applyFill="1" applyBorder="1" applyAlignment="1" applyProtection="1">
      <alignment horizontal="center" vertical="top" wrapText="1"/>
      <protection locked="0"/>
    </xf>
    <xf numFmtId="0" fontId="17" fillId="2" borderId="8" xfId="0" applyFont="1" applyFill="1" applyBorder="1" applyAlignment="1" applyProtection="1">
      <alignment horizontal="center" vertical="center" wrapText="1"/>
      <protection locked="0"/>
    </xf>
    <xf numFmtId="0" fontId="17" fillId="2" borderId="9" xfId="0" applyFont="1" applyFill="1" applyBorder="1" applyAlignment="1" applyProtection="1">
      <alignment horizontal="center" vertical="center" wrapText="1"/>
      <protection locked="0"/>
    </xf>
    <xf numFmtId="0" fontId="17" fillId="2" borderId="32" xfId="0" applyFont="1" applyFill="1" applyBorder="1" applyAlignment="1" applyProtection="1">
      <alignment horizontal="center" vertical="center" wrapText="1"/>
      <protection locked="0"/>
    </xf>
    <xf numFmtId="0" fontId="17" fillId="2" borderId="35" xfId="0" applyFont="1" applyFill="1" applyBorder="1" applyAlignment="1" applyProtection="1">
      <alignment horizontal="center" vertical="top" wrapText="1"/>
      <protection locked="0"/>
    </xf>
    <xf numFmtId="3" fontId="12" fillId="0" borderId="18" xfId="0" applyNumberFormat="1" applyFont="1" applyFill="1" applyBorder="1" applyAlignment="1">
      <alignment horizontal="center" vertical="center" wrapText="1"/>
    </xf>
    <xf numFmtId="49" fontId="18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4" xfId="0" applyFont="1" applyBorder="1" applyAlignment="1" applyProtection="1">
      <alignment horizontal="center" vertical="top" wrapText="1"/>
      <protection locked="0"/>
    </xf>
    <xf numFmtId="3" fontId="3" fillId="0" borderId="3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4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2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11" fillId="3" borderId="0" xfId="0" applyFont="1" applyFill="1" applyAlignment="1">
      <alignment horizontal="left" vertical="center" wrapText="1"/>
    </xf>
    <xf numFmtId="49" fontId="16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K62"/>
  <sheetViews>
    <sheetView showGridLines="0" tabSelected="1" zoomScale="80" zoomScaleNormal="80" workbookViewId="0">
      <selection activeCell="A3" sqref="A3:M3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2" width="14.7109375" style="9" customWidth="1"/>
    <col min="13" max="15" width="14.7109375" style="5" customWidth="1"/>
    <col min="16" max="16384" width="9.140625" style="5"/>
  </cols>
  <sheetData>
    <row r="1" spans="1:63" s="37" customFormat="1" ht="20.100000000000001" customHeight="1" x14ac:dyDescent="0.2">
      <c r="A1" s="149" t="s">
        <v>61</v>
      </c>
      <c r="B1" s="149"/>
      <c r="C1" s="149"/>
      <c r="D1" s="149"/>
      <c r="E1" s="149"/>
      <c r="F1" s="149"/>
      <c r="G1" s="149"/>
      <c r="H1" s="149"/>
      <c r="I1" s="149"/>
      <c r="J1" s="149"/>
      <c r="K1" s="149"/>
      <c r="L1" s="149"/>
      <c r="M1" s="149"/>
      <c r="N1" s="149"/>
      <c r="O1" s="5"/>
      <c r="P1" s="5"/>
      <c r="Q1" s="5"/>
      <c r="R1" s="5"/>
      <c r="S1" s="5"/>
      <c r="T1" s="5"/>
      <c r="U1" s="5"/>
      <c r="V1" s="5"/>
      <c r="W1" s="36"/>
    </row>
    <row r="2" spans="1:63" ht="24.95" customHeight="1" x14ac:dyDescent="0.2">
      <c r="A2" s="24" t="s">
        <v>7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63" ht="30.75" customHeight="1" x14ac:dyDescent="0.2">
      <c r="A3" s="150" t="s">
        <v>59</v>
      </c>
      <c r="B3" s="150"/>
      <c r="C3" s="150"/>
      <c r="D3" s="150"/>
      <c r="E3" s="150"/>
      <c r="F3" s="150"/>
      <c r="G3" s="150"/>
      <c r="H3" s="150"/>
      <c r="I3" s="150"/>
      <c r="J3" s="150"/>
      <c r="K3" s="150"/>
      <c r="L3" s="150"/>
      <c r="M3" s="150"/>
    </row>
    <row r="4" spans="1:63" s="43" customFormat="1" ht="40.5" customHeight="1" x14ac:dyDescent="0.25">
      <c r="A4" s="151" t="s">
        <v>22</v>
      </c>
      <c r="B4" s="153" t="s">
        <v>23</v>
      </c>
      <c r="C4" s="151" t="s">
        <v>40</v>
      </c>
      <c r="D4" s="155" t="s">
        <v>49</v>
      </c>
      <c r="E4" s="142" t="s">
        <v>27</v>
      </c>
      <c r="F4" s="142" t="s">
        <v>28</v>
      </c>
      <c r="G4" s="142" t="s">
        <v>29</v>
      </c>
      <c r="H4" s="70" t="s">
        <v>30</v>
      </c>
      <c r="I4" s="137" t="s">
        <v>43</v>
      </c>
      <c r="J4" s="138"/>
      <c r="K4" s="138"/>
      <c r="L4" s="139"/>
      <c r="M4" s="138" t="s">
        <v>48</v>
      </c>
      <c r="N4" s="139"/>
      <c r="P4" s="49"/>
      <c r="Q4" s="49"/>
    </row>
    <row r="5" spans="1:63" s="43" customFormat="1" ht="33" customHeight="1" x14ac:dyDescent="0.25">
      <c r="A5" s="152"/>
      <c r="B5" s="154"/>
      <c r="C5" s="152"/>
      <c r="D5" s="156"/>
      <c r="E5" s="143"/>
      <c r="F5" s="143"/>
      <c r="G5" s="143"/>
      <c r="H5" s="71"/>
      <c r="I5" s="72" t="s">
        <v>24</v>
      </c>
      <c r="J5" s="73" t="s">
        <v>31</v>
      </c>
      <c r="K5" s="106" t="s">
        <v>47</v>
      </c>
      <c r="L5" s="74" t="s">
        <v>26</v>
      </c>
      <c r="M5" s="75" t="s">
        <v>24</v>
      </c>
      <c r="N5" s="76" t="s">
        <v>26</v>
      </c>
      <c r="P5" s="49"/>
      <c r="Q5" s="49"/>
    </row>
    <row r="6" spans="1:63" s="44" customFormat="1" ht="14.1" customHeight="1" x14ac:dyDescent="0.25">
      <c r="A6" s="115" t="s">
        <v>0</v>
      </c>
      <c r="B6" s="115" t="s">
        <v>10</v>
      </c>
      <c r="C6" s="115" t="s">
        <v>11</v>
      </c>
      <c r="D6" s="115" t="s">
        <v>12</v>
      </c>
      <c r="E6" s="115" t="s">
        <v>13</v>
      </c>
      <c r="F6" s="115" t="s">
        <v>14</v>
      </c>
      <c r="G6" s="115" t="s">
        <v>15</v>
      </c>
      <c r="H6" s="115" t="s">
        <v>16</v>
      </c>
      <c r="I6" s="115" t="s">
        <v>17</v>
      </c>
      <c r="J6" s="115" t="s">
        <v>32</v>
      </c>
      <c r="K6" s="115" t="s">
        <v>33</v>
      </c>
      <c r="L6" s="115"/>
      <c r="M6" s="115" t="s">
        <v>34</v>
      </c>
      <c r="N6" s="115" t="s">
        <v>35</v>
      </c>
      <c r="P6" s="52"/>
      <c r="Q6" s="52"/>
    </row>
    <row r="7" spans="1:63" s="45" customFormat="1" ht="39.75" customHeight="1" x14ac:dyDescent="0.25">
      <c r="A7" s="53" t="s">
        <v>0</v>
      </c>
      <c r="B7" s="54" t="s">
        <v>50</v>
      </c>
      <c r="C7" s="53" t="s">
        <v>42</v>
      </c>
      <c r="D7" s="125">
        <v>1980</v>
      </c>
      <c r="E7" s="101"/>
      <c r="F7" s="101"/>
      <c r="G7" s="101"/>
      <c r="H7" s="101"/>
      <c r="I7" s="114"/>
      <c r="J7" s="113"/>
      <c r="K7" s="108">
        <f>I7*J7</f>
        <v>0</v>
      </c>
      <c r="L7" s="107">
        <f>I7+K7</f>
        <v>0</v>
      </c>
      <c r="M7" s="55">
        <f t="shared" ref="M7:M10" si="0">D7*I7</f>
        <v>0</v>
      </c>
      <c r="N7" s="56">
        <f>D7*L7</f>
        <v>0</v>
      </c>
      <c r="P7" s="52"/>
      <c r="Q7" s="52"/>
    </row>
    <row r="8" spans="1:63" s="45" customFormat="1" ht="39.75" customHeight="1" x14ac:dyDescent="0.25">
      <c r="A8" s="53" t="s">
        <v>10</v>
      </c>
      <c r="B8" s="54" t="s">
        <v>51</v>
      </c>
      <c r="C8" s="53" t="s">
        <v>42</v>
      </c>
      <c r="D8" s="125">
        <v>1815</v>
      </c>
      <c r="E8" s="101"/>
      <c r="F8" s="101"/>
      <c r="G8" s="101"/>
      <c r="H8" s="101"/>
      <c r="I8" s="114"/>
      <c r="J8" s="113"/>
      <c r="K8" s="108">
        <f t="shared" ref="K8:K10" si="1">I8*J8</f>
        <v>0</v>
      </c>
      <c r="L8" s="107">
        <f t="shared" ref="L8:L10" si="2">I8+K8</f>
        <v>0</v>
      </c>
      <c r="M8" s="55">
        <f t="shared" si="0"/>
        <v>0</v>
      </c>
      <c r="N8" s="56">
        <f t="shared" ref="N8:N10" si="3">D8*L8</f>
        <v>0</v>
      </c>
      <c r="P8" s="52"/>
      <c r="Q8" s="52"/>
    </row>
    <row r="9" spans="1:63" s="45" customFormat="1" ht="39.75" customHeight="1" x14ac:dyDescent="0.25">
      <c r="A9" s="53" t="s">
        <v>11</v>
      </c>
      <c r="B9" s="54" t="s">
        <v>52</v>
      </c>
      <c r="C9" s="53" t="s">
        <v>42</v>
      </c>
      <c r="D9" s="125">
        <v>90</v>
      </c>
      <c r="E9" s="101"/>
      <c r="F9" s="101"/>
      <c r="G9" s="101"/>
      <c r="H9" s="101"/>
      <c r="I9" s="114"/>
      <c r="J9" s="113"/>
      <c r="K9" s="108">
        <f t="shared" si="1"/>
        <v>0</v>
      </c>
      <c r="L9" s="107">
        <f t="shared" si="2"/>
        <v>0</v>
      </c>
      <c r="M9" s="55">
        <f t="shared" si="0"/>
        <v>0</v>
      </c>
      <c r="N9" s="56">
        <f t="shared" si="3"/>
        <v>0</v>
      </c>
      <c r="P9" s="52"/>
      <c r="Q9" s="52"/>
    </row>
    <row r="10" spans="1:63" s="45" customFormat="1" ht="39.75" customHeight="1" thickBot="1" x14ac:dyDescent="0.3">
      <c r="A10" s="53" t="s">
        <v>12</v>
      </c>
      <c r="B10" s="54" t="s">
        <v>53</v>
      </c>
      <c r="C10" s="53" t="s">
        <v>42</v>
      </c>
      <c r="D10" s="125">
        <v>1239</v>
      </c>
      <c r="E10" s="101"/>
      <c r="F10" s="101"/>
      <c r="G10" s="101"/>
      <c r="H10" s="101"/>
      <c r="I10" s="114"/>
      <c r="J10" s="113"/>
      <c r="K10" s="108">
        <f t="shared" si="1"/>
        <v>0</v>
      </c>
      <c r="L10" s="107">
        <f t="shared" si="2"/>
        <v>0</v>
      </c>
      <c r="M10" s="55">
        <f t="shared" si="0"/>
        <v>0</v>
      </c>
      <c r="N10" s="56">
        <f t="shared" si="3"/>
        <v>0</v>
      </c>
      <c r="P10" s="52"/>
      <c r="Q10" s="52"/>
    </row>
    <row r="11" spans="1:63" s="46" customFormat="1" ht="33" customHeight="1" thickBot="1" x14ac:dyDescent="0.3">
      <c r="A11" s="57"/>
      <c r="B11" s="58"/>
      <c r="C11" s="58"/>
      <c r="D11" s="58"/>
      <c r="E11" s="59"/>
      <c r="F11" s="59"/>
      <c r="G11" s="59"/>
      <c r="H11" s="59"/>
      <c r="I11" s="58"/>
      <c r="J11" s="58"/>
      <c r="K11" s="98" t="s">
        <v>44</v>
      </c>
      <c r="L11" s="98"/>
      <c r="M11" s="86">
        <f>SUM(M7:M10)</f>
        <v>0</v>
      </c>
      <c r="N11" s="87">
        <f>SUM(N7:N10)</f>
        <v>0</v>
      </c>
      <c r="P11" s="60"/>
      <c r="Q11" s="60"/>
    </row>
    <row r="12" spans="1:63" s="46" customFormat="1" ht="12" customHeight="1" x14ac:dyDescent="0.25">
      <c r="A12" s="57"/>
      <c r="B12" s="58"/>
      <c r="C12" s="58"/>
      <c r="D12" s="58"/>
      <c r="E12" s="59"/>
      <c r="F12" s="59"/>
      <c r="G12" s="59"/>
      <c r="H12" s="59"/>
      <c r="I12" s="58"/>
      <c r="J12" s="58"/>
      <c r="K12" s="98"/>
      <c r="L12" s="98"/>
      <c r="M12" s="102"/>
      <c r="N12" s="102"/>
      <c r="P12" s="60"/>
      <c r="Q12" s="60"/>
    </row>
    <row r="13" spans="1:63" s="47" customFormat="1" ht="29.25" customHeight="1" x14ac:dyDescent="0.25">
      <c r="A13" s="136" t="s">
        <v>54</v>
      </c>
      <c r="B13" s="136"/>
      <c r="C13" s="136"/>
      <c r="D13" s="136"/>
      <c r="E13" s="136"/>
      <c r="F13" s="136"/>
      <c r="G13" s="136"/>
      <c r="H13" s="136"/>
      <c r="I13" s="136"/>
      <c r="J13" s="136"/>
      <c r="K13" s="136"/>
      <c r="L13" s="100"/>
      <c r="M13" s="61"/>
      <c r="N13" s="61"/>
      <c r="O13" s="61"/>
      <c r="P13" s="61"/>
      <c r="Q13" s="61"/>
    </row>
    <row r="14" spans="1:63" s="38" customFormat="1" ht="33" customHeight="1" x14ac:dyDescent="0.25">
      <c r="A14" s="127" t="s">
        <v>22</v>
      </c>
      <c r="B14" s="127" t="s">
        <v>36</v>
      </c>
      <c r="C14" s="127" t="s">
        <v>37</v>
      </c>
      <c r="D14" s="127" t="s">
        <v>28</v>
      </c>
      <c r="E14" s="127" t="s">
        <v>30</v>
      </c>
      <c r="F14" s="127" t="s">
        <v>38</v>
      </c>
      <c r="G14" s="127" t="s">
        <v>39</v>
      </c>
      <c r="H14" s="129" t="s">
        <v>41</v>
      </c>
      <c r="I14" s="130"/>
      <c r="J14" s="130"/>
      <c r="K14" s="131" t="s">
        <v>56</v>
      </c>
      <c r="L14" s="105"/>
      <c r="M14" s="157"/>
      <c r="N14" s="157"/>
      <c r="O14" s="49"/>
      <c r="P14" s="49"/>
      <c r="Q14" s="49"/>
    </row>
    <row r="15" spans="1:63" s="38" customFormat="1" ht="23.25" customHeight="1" x14ac:dyDescent="0.25">
      <c r="A15" s="128"/>
      <c r="B15" s="128"/>
      <c r="C15" s="128"/>
      <c r="D15" s="128"/>
      <c r="E15" s="128"/>
      <c r="F15" s="128"/>
      <c r="G15" s="128"/>
      <c r="H15" s="50" t="s">
        <v>24</v>
      </c>
      <c r="I15" s="51" t="s">
        <v>25</v>
      </c>
      <c r="J15" s="83" t="s">
        <v>26</v>
      </c>
      <c r="K15" s="132"/>
      <c r="L15" s="105"/>
      <c r="M15" s="84"/>
      <c r="N15" s="84"/>
      <c r="O15" s="49"/>
      <c r="P15" s="49"/>
      <c r="Q15" s="49"/>
    </row>
    <row r="16" spans="1:63" s="39" customFormat="1" ht="14.1" customHeight="1" x14ac:dyDescent="0.25">
      <c r="A16" s="116" t="s">
        <v>0</v>
      </c>
      <c r="B16" s="117" t="s">
        <v>10</v>
      </c>
      <c r="C16" s="117" t="s">
        <v>11</v>
      </c>
      <c r="D16" s="118" t="s">
        <v>12</v>
      </c>
      <c r="E16" s="119" t="s">
        <v>13</v>
      </c>
      <c r="F16" s="120" t="s">
        <v>14</v>
      </c>
      <c r="G16" s="115" t="s">
        <v>15</v>
      </c>
      <c r="H16" s="121" t="s">
        <v>16</v>
      </c>
      <c r="I16" s="122" t="s">
        <v>17</v>
      </c>
      <c r="J16" s="123" t="s">
        <v>32</v>
      </c>
      <c r="K16" s="124" t="s">
        <v>33</v>
      </c>
      <c r="L16" s="109"/>
      <c r="M16" s="84"/>
      <c r="N16" s="84"/>
      <c r="O16" s="62"/>
      <c r="P16" s="62"/>
      <c r="Q16" s="62"/>
      <c r="R16" s="48"/>
      <c r="S16" s="48"/>
      <c r="T16" s="48"/>
      <c r="U16" s="48"/>
      <c r="V16" s="48"/>
      <c r="W16" s="48"/>
      <c r="X16" s="48"/>
      <c r="Y16" s="48"/>
      <c r="Z16" s="48"/>
      <c r="AA16" s="48"/>
      <c r="AB16" s="48"/>
      <c r="AC16" s="48"/>
      <c r="AD16" s="48"/>
      <c r="AE16" s="48"/>
      <c r="AF16" s="48"/>
      <c r="AG16" s="48"/>
      <c r="AH16" s="48"/>
      <c r="AI16" s="48"/>
      <c r="AJ16" s="48"/>
      <c r="AK16" s="48"/>
      <c r="AL16" s="48"/>
      <c r="AM16" s="48"/>
      <c r="AN16" s="48"/>
      <c r="AO16" s="48"/>
      <c r="AP16" s="48"/>
      <c r="AQ16" s="48"/>
      <c r="AR16" s="48"/>
      <c r="AS16" s="48"/>
      <c r="AT16" s="48"/>
      <c r="AU16" s="48"/>
      <c r="AV16" s="48"/>
      <c r="AW16" s="48"/>
      <c r="AX16" s="48"/>
      <c r="AY16" s="48"/>
      <c r="AZ16" s="48"/>
      <c r="BA16" s="48"/>
      <c r="BB16" s="48"/>
      <c r="BC16" s="48"/>
      <c r="BD16" s="48"/>
      <c r="BE16" s="48"/>
      <c r="BF16" s="48"/>
      <c r="BG16" s="48"/>
      <c r="BH16" s="48"/>
      <c r="BI16" s="48"/>
      <c r="BJ16" s="48"/>
      <c r="BK16" s="48"/>
    </row>
    <row r="17" spans="1:17" s="40" customFormat="1" ht="33" customHeight="1" x14ac:dyDescent="0.25">
      <c r="A17" s="79" t="s">
        <v>0</v>
      </c>
      <c r="B17" s="63"/>
      <c r="C17" s="64"/>
      <c r="D17" s="77"/>
      <c r="E17" s="77"/>
      <c r="F17" s="77"/>
      <c r="G17" s="77"/>
      <c r="H17" s="90"/>
      <c r="I17" s="92"/>
      <c r="J17" s="91"/>
      <c r="K17" s="133">
        <v>1980</v>
      </c>
      <c r="L17" s="110"/>
      <c r="M17" s="85"/>
      <c r="N17" s="85"/>
      <c r="O17" s="52"/>
      <c r="P17" s="52"/>
      <c r="Q17" s="52"/>
    </row>
    <row r="18" spans="1:17" s="40" customFormat="1" ht="33" customHeight="1" x14ac:dyDescent="0.25">
      <c r="A18" s="78" t="s">
        <v>10</v>
      </c>
      <c r="B18" s="65"/>
      <c r="C18" s="66"/>
      <c r="D18" s="78"/>
      <c r="E18" s="78"/>
      <c r="F18" s="78"/>
      <c r="G18" s="79"/>
      <c r="H18" s="90"/>
      <c r="I18" s="92"/>
      <c r="J18" s="91"/>
      <c r="K18" s="134"/>
      <c r="L18" s="110"/>
      <c r="M18" s="85"/>
      <c r="N18" s="85"/>
      <c r="O18" s="52"/>
      <c r="P18" s="52"/>
      <c r="Q18" s="52"/>
    </row>
    <row r="19" spans="1:17" s="40" customFormat="1" ht="33" customHeight="1" x14ac:dyDescent="0.25">
      <c r="A19" s="80" t="s">
        <v>11</v>
      </c>
      <c r="B19" s="81"/>
      <c r="C19" s="82"/>
      <c r="D19" s="80"/>
      <c r="E19" s="80"/>
      <c r="F19" s="80"/>
      <c r="G19" s="80"/>
      <c r="H19" s="93"/>
      <c r="I19" s="94"/>
      <c r="J19" s="96"/>
      <c r="K19" s="135"/>
      <c r="L19" s="110"/>
      <c r="M19" s="85"/>
      <c r="N19" s="85"/>
      <c r="O19" s="52"/>
      <c r="P19" s="52"/>
      <c r="Q19" s="52"/>
    </row>
    <row r="20" spans="1:17" s="40" customFormat="1" ht="14.25" customHeight="1" x14ac:dyDescent="0.25">
      <c r="A20" s="67"/>
      <c r="B20" s="68"/>
      <c r="C20" s="68"/>
      <c r="D20" s="67"/>
      <c r="E20" s="67"/>
      <c r="F20" s="67"/>
      <c r="G20" s="67"/>
      <c r="H20" s="69"/>
      <c r="I20" s="95"/>
      <c r="J20" s="97"/>
      <c r="K20" s="88"/>
      <c r="L20" s="111"/>
      <c r="M20" s="85"/>
      <c r="N20" s="85"/>
      <c r="O20" s="52"/>
      <c r="P20" s="52"/>
      <c r="Q20" s="52"/>
    </row>
    <row r="21" spans="1:17" s="40" customFormat="1" ht="29.25" customHeight="1" x14ac:dyDescent="0.25">
      <c r="A21" s="136" t="s">
        <v>55</v>
      </c>
      <c r="B21" s="136"/>
      <c r="C21" s="136"/>
      <c r="D21" s="136"/>
      <c r="E21" s="136"/>
      <c r="F21" s="136"/>
      <c r="G21" s="136"/>
      <c r="H21" s="136"/>
      <c r="I21" s="136"/>
      <c r="J21" s="136"/>
      <c r="K21" s="136"/>
      <c r="L21" s="112"/>
      <c r="M21" s="85"/>
      <c r="N21" s="85"/>
      <c r="O21" s="52"/>
      <c r="P21" s="52"/>
      <c r="Q21" s="52"/>
    </row>
    <row r="22" spans="1:17" s="40" customFormat="1" ht="33" customHeight="1" x14ac:dyDescent="0.25">
      <c r="A22" s="127" t="s">
        <v>22</v>
      </c>
      <c r="B22" s="127" t="s">
        <v>36</v>
      </c>
      <c r="C22" s="127" t="s">
        <v>37</v>
      </c>
      <c r="D22" s="127" t="s">
        <v>28</v>
      </c>
      <c r="E22" s="127" t="s">
        <v>30</v>
      </c>
      <c r="F22" s="127" t="s">
        <v>38</v>
      </c>
      <c r="G22" s="127" t="s">
        <v>39</v>
      </c>
      <c r="H22" s="129" t="s">
        <v>41</v>
      </c>
      <c r="I22" s="130"/>
      <c r="J22" s="130"/>
      <c r="K22" s="131" t="s">
        <v>56</v>
      </c>
      <c r="L22" s="99"/>
      <c r="M22" s="85"/>
      <c r="N22" s="85"/>
      <c r="O22" s="52"/>
      <c r="P22" s="52"/>
      <c r="Q22" s="52"/>
    </row>
    <row r="23" spans="1:17" s="40" customFormat="1" ht="23.25" customHeight="1" x14ac:dyDescent="0.25">
      <c r="A23" s="128"/>
      <c r="B23" s="128"/>
      <c r="C23" s="128"/>
      <c r="D23" s="128"/>
      <c r="E23" s="128"/>
      <c r="F23" s="128"/>
      <c r="G23" s="128"/>
      <c r="H23" s="50" t="s">
        <v>24</v>
      </c>
      <c r="I23" s="51" t="s">
        <v>25</v>
      </c>
      <c r="J23" s="83" t="s">
        <v>26</v>
      </c>
      <c r="K23" s="132"/>
      <c r="L23" s="99"/>
      <c r="M23" s="85"/>
      <c r="N23" s="85"/>
      <c r="O23" s="52"/>
      <c r="P23" s="52"/>
      <c r="Q23" s="52"/>
    </row>
    <row r="24" spans="1:17" s="40" customFormat="1" ht="14.25" customHeight="1" x14ac:dyDescent="0.25">
      <c r="A24" s="116" t="s">
        <v>0</v>
      </c>
      <c r="B24" s="117" t="s">
        <v>10</v>
      </c>
      <c r="C24" s="117" t="s">
        <v>11</v>
      </c>
      <c r="D24" s="118" t="s">
        <v>12</v>
      </c>
      <c r="E24" s="119" t="s">
        <v>13</v>
      </c>
      <c r="F24" s="120" t="s">
        <v>14</v>
      </c>
      <c r="G24" s="115" t="s">
        <v>15</v>
      </c>
      <c r="H24" s="121" t="s">
        <v>16</v>
      </c>
      <c r="I24" s="122" t="s">
        <v>17</v>
      </c>
      <c r="J24" s="123" t="s">
        <v>32</v>
      </c>
      <c r="K24" s="124" t="s">
        <v>33</v>
      </c>
      <c r="L24" s="109"/>
      <c r="M24" s="85"/>
      <c r="N24" s="85"/>
      <c r="O24" s="52"/>
      <c r="P24" s="52"/>
      <c r="Q24" s="52"/>
    </row>
    <row r="25" spans="1:17" s="40" customFormat="1" ht="33" customHeight="1" x14ac:dyDescent="0.25">
      <c r="A25" s="79" t="s">
        <v>0</v>
      </c>
      <c r="B25" s="63"/>
      <c r="C25" s="64"/>
      <c r="D25" s="77"/>
      <c r="E25" s="77"/>
      <c r="F25" s="77"/>
      <c r="G25" s="77"/>
      <c r="H25" s="90"/>
      <c r="I25" s="92"/>
      <c r="J25" s="91"/>
      <c r="K25" s="133">
        <v>1815</v>
      </c>
      <c r="L25" s="110"/>
      <c r="M25" s="85"/>
      <c r="N25" s="85"/>
      <c r="O25" s="52"/>
      <c r="P25" s="52"/>
      <c r="Q25" s="52"/>
    </row>
    <row r="26" spans="1:17" s="40" customFormat="1" ht="33" customHeight="1" x14ac:dyDescent="0.25">
      <c r="A26" s="78" t="s">
        <v>10</v>
      </c>
      <c r="B26" s="65"/>
      <c r="C26" s="66"/>
      <c r="D26" s="78"/>
      <c r="E26" s="78"/>
      <c r="F26" s="78"/>
      <c r="G26" s="79"/>
      <c r="H26" s="90"/>
      <c r="I26" s="92"/>
      <c r="J26" s="91"/>
      <c r="K26" s="134"/>
      <c r="L26" s="110"/>
      <c r="M26" s="85"/>
      <c r="N26" s="85"/>
      <c r="O26" s="52"/>
      <c r="P26" s="52"/>
      <c r="Q26" s="52"/>
    </row>
    <row r="27" spans="1:17" s="40" customFormat="1" ht="33" customHeight="1" x14ac:dyDescent="0.25">
      <c r="A27" s="80" t="s">
        <v>11</v>
      </c>
      <c r="B27" s="81"/>
      <c r="C27" s="82"/>
      <c r="D27" s="80"/>
      <c r="E27" s="80"/>
      <c r="F27" s="80"/>
      <c r="G27" s="80"/>
      <c r="H27" s="93"/>
      <c r="I27" s="103"/>
      <c r="J27" s="104"/>
      <c r="K27" s="135"/>
      <c r="L27" s="110"/>
      <c r="M27" s="85"/>
      <c r="N27" s="85"/>
      <c r="O27" s="52"/>
      <c r="P27" s="52"/>
      <c r="Q27" s="52"/>
    </row>
    <row r="28" spans="1:17" s="13" customFormat="1" ht="15.75" customHeight="1" x14ac:dyDescent="0.2">
      <c r="A28" s="67"/>
      <c r="B28" s="68"/>
      <c r="C28" s="68"/>
      <c r="D28" s="67"/>
      <c r="E28" s="67"/>
      <c r="F28" s="67"/>
      <c r="G28" s="67"/>
      <c r="H28" s="69"/>
      <c r="I28" s="95"/>
      <c r="J28" s="97"/>
      <c r="K28" s="88"/>
      <c r="L28" s="26"/>
      <c r="M28" s="26"/>
      <c r="N28" s="26"/>
    </row>
    <row r="29" spans="1:17" s="13" customFormat="1" ht="15.75" customHeight="1" x14ac:dyDescent="0.2">
      <c r="A29" s="136" t="s">
        <v>57</v>
      </c>
      <c r="B29" s="136"/>
      <c r="C29" s="136"/>
      <c r="D29" s="136"/>
      <c r="E29" s="136"/>
      <c r="F29" s="136"/>
      <c r="G29" s="136"/>
      <c r="H29" s="136"/>
      <c r="I29" s="136"/>
      <c r="J29" s="136"/>
      <c r="K29" s="136"/>
      <c r="L29" s="26"/>
      <c r="M29" s="26"/>
      <c r="N29" s="26"/>
    </row>
    <row r="30" spans="1:17" s="13" customFormat="1" ht="33.75" customHeight="1" x14ac:dyDescent="0.2">
      <c r="A30" s="127" t="s">
        <v>22</v>
      </c>
      <c r="B30" s="127" t="s">
        <v>36</v>
      </c>
      <c r="C30" s="127" t="s">
        <v>37</v>
      </c>
      <c r="D30" s="127" t="s">
        <v>28</v>
      </c>
      <c r="E30" s="127" t="s">
        <v>30</v>
      </c>
      <c r="F30" s="127" t="s">
        <v>38</v>
      </c>
      <c r="G30" s="127" t="s">
        <v>39</v>
      </c>
      <c r="H30" s="129" t="s">
        <v>41</v>
      </c>
      <c r="I30" s="130"/>
      <c r="J30" s="130"/>
      <c r="K30" s="131" t="s">
        <v>56</v>
      </c>
      <c r="L30" s="26"/>
      <c r="M30" s="26"/>
      <c r="N30" s="26"/>
    </row>
    <row r="31" spans="1:17" s="13" customFormat="1" ht="23.25" customHeight="1" x14ac:dyDescent="0.2">
      <c r="A31" s="128"/>
      <c r="B31" s="128"/>
      <c r="C31" s="128"/>
      <c r="D31" s="128"/>
      <c r="E31" s="128"/>
      <c r="F31" s="128"/>
      <c r="G31" s="128"/>
      <c r="H31" s="50" t="s">
        <v>24</v>
      </c>
      <c r="I31" s="51" t="s">
        <v>25</v>
      </c>
      <c r="J31" s="83" t="s">
        <v>26</v>
      </c>
      <c r="K31" s="132"/>
      <c r="L31" s="26"/>
      <c r="M31" s="26"/>
      <c r="N31" s="26"/>
    </row>
    <row r="32" spans="1:17" s="13" customFormat="1" ht="15.75" customHeight="1" x14ac:dyDescent="0.2">
      <c r="A32" s="116" t="s">
        <v>0</v>
      </c>
      <c r="B32" s="117" t="s">
        <v>10</v>
      </c>
      <c r="C32" s="117" t="s">
        <v>11</v>
      </c>
      <c r="D32" s="118" t="s">
        <v>12</v>
      </c>
      <c r="E32" s="119" t="s">
        <v>13</v>
      </c>
      <c r="F32" s="120" t="s">
        <v>14</v>
      </c>
      <c r="G32" s="115" t="s">
        <v>15</v>
      </c>
      <c r="H32" s="121" t="s">
        <v>16</v>
      </c>
      <c r="I32" s="122" t="s">
        <v>17</v>
      </c>
      <c r="J32" s="123" t="s">
        <v>32</v>
      </c>
      <c r="K32" s="124" t="s">
        <v>33</v>
      </c>
      <c r="L32" s="26"/>
      <c r="M32" s="26"/>
      <c r="N32" s="26"/>
    </row>
    <row r="33" spans="1:14" s="13" customFormat="1" ht="33" customHeight="1" x14ac:dyDescent="0.2">
      <c r="A33" s="79" t="s">
        <v>0</v>
      </c>
      <c r="B33" s="63"/>
      <c r="C33" s="64"/>
      <c r="D33" s="77"/>
      <c r="E33" s="77"/>
      <c r="F33" s="77"/>
      <c r="G33" s="77"/>
      <c r="H33" s="90"/>
      <c r="I33" s="92"/>
      <c r="J33" s="91"/>
      <c r="K33" s="133">
        <v>90</v>
      </c>
      <c r="L33" s="26"/>
      <c r="M33" s="26"/>
      <c r="N33" s="26"/>
    </row>
    <row r="34" spans="1:14" s="13" customFormat="1" ht="33" customHeight="1" x14ac:dyDescent="0.2">
      <c r="A34" s="78" t="s">
        <v>10</v>
      </c>
      <c r="B34" s="65"/>
      <c r="C34" s="66"/>
      <c r="D34" s="78"/>
      <c r="E34" s="78"/>
      <c r="F34" s="78"/>
      <c r="G34" s="79"/>
      <c r="H34" s="90"/>
      <c r="I34" s="92"/>
      <c r="J34" s="91"/>
      <c r="K34" s="134"/>
      <c r="L34" s="26"/>
      <c r="M34" s="26"/>
      <c r="N34" s="26"/>
    </row>
    <row r="35" spans="1:14" s="13" customFormat="1" ht="33" customHeight="1" x14ac:dyDescent="0.2">
      <c r="A35" s="80" t="s">
        <v>11</v>
      </c>
      <c r="B35" s="81"/>
      <c r="C35" s="82"/>
      <c r="D35" s="80"/>
      <c r="E35" s="80"/>
      <c r="F35" s="80"/>
      <c r="G35" s="80"/>
      <c r="H35" s="93"/>
      <c r="I35" s="103"/>
      <c r="J35" s="104"/>
      <c r="K35" s="135"/>
      <c r="L35" s="26"/>
      <c r="M35" s="26"/>
      <c r="N35" s="26"/>
    </row>
    <row r="36" spans="1:14" s="13" customFormat="1" ht="15.75" customHeight="1" x14ac:dyDescent="0.2">
      <c r="A36" s="67"/>
      <c r="B36" s="68"/>
      <c r="C36" s="68"/>
      <c r="D36" s="67"/>
      <c r="E36" s="67"/>
      <c r="F36" s="67"/>
      <c r="G36" s="67"/>
      <c r="H36" s="69"/>
      <c r="I36" s="95"/>
      <c r="J36" s="97"/>
      <c r="K36" s="88"/>
      <c r="L36" s="26"/>
      <c r="M36" s="26"/>
      <c r="N36" s="26"/>
    </row>
    <row r="37" spans="1:14" s="13" customFormat="1" ht="15.75" customHeight="1" x14ac:dyDescent="0.2">
      <c r="A37" s="136" t="s">
        <v>58</v>
      </c>
      <c r="B37" s="136"/>
      <c r="C37" s="136"/>
      <c r="D37" s="136"/>
      <c r="E37" s="136"/>
      <c r="F37" s="136"/>
      <c r="G37" s="136"/>
      <c r="H37" s="136"/>
      <c r="I37" s="136"/>
      <c r="J37" s="136"/>
      <c r="K37" s="136"/>
      <c r="L37" s="26"/>
      <c r="M37" s="26"/>
      <c r="N37" s="26"/>
    </row>
    <row r="38" spans="1:14" s="13" customFormat="1" ht="33" customHeight="1" x14ac:dyDescent="0.2">
      <c r="A38" s="127" t="s">
        <v>22</v>
      </c>
      <c r="B38" s="127" t="s">
        <v>36</v>
      </c>
      <c r="C38" s="127" t="s">
        <v>37</v>
      </c>
      <c r="D38" s="127" t="s">
        <v>28</v>
      </c>
      <c r="E38" s="127" t="s">
        <v>30</v>
      </c>
      <c r="F38" s="127" t="s">
        <v>38</v>
      </c>
      <c r="G38" s="127" t="s">
        <v>39</v>
      </c>
      <c r="H38" s="129" t="s">
        <v>41</v>
      </c>
      <c r="I38" s="130"/>
      <c r="J38" s="130"/>
      <c r="K38" s="131" t="s">
        <v>56</v>
      </c>
      <c r="L38" s="26"/>
      <c r="M38" s="26"/>
      <c r="N38" s="26"/>
    </row>
    <row r="39" spans="1:14" s="13" customFormat="1" ht="23.25" customHeight="1" x14ac:dyDescent="0.2">
      <c r="A39" s="128"/>
      <c r="B39" s="128"/>
      <c r="C39" s="128"/>
      <c r="D39" s="128"/>
      <c r="E39" s="128"/>
      <c r="F39" s="128"/>
      <c r="G39" s="128"/>
      <c r="H39" s="50" t="s">
        <v>24</v>
      </c>
      <c r="I39" s="51" t="s">
        <v>25</v>
      </c>
      <c r="J39" s="83" t="s">
        <v>26</v>
      </c>
      <c r="K39" s="132"/>
      <c r="L39" s="26"/>
      <c r="M39" s="26"/>
      <c r="N39" s="26"/>
    </row>
    <row r="40" spans="1:14" s="13" customFormat="1" ht="15.75" customHeight="1" x14ac:dyDescent="0.2">
      <c r="A40" s="116" t="s">
        <v>0</v>
      </c>
      <c r="B40" s="117" t="s">
        <v>10</v>
      </c>
      <c r="C40" s="117" t="s">
        <v>11</v>
      </c>
      <c r="D40" s="118" t="s">
        <v>12</v>
      </c>
      <c r="E40" s="119" t="s">
        <v>13</v>
      </c>
      <c r="F40" s="120" t="s">
        <v>14</v>
      </c>
      <c r="G40" s="115" t="s">
        <v>15</v>
      </c>
      <c r="H40" s="121" t="s">
        <v>16</v>
      </c>
      <c r="I40" s="122" t="s">
        <v>17</v>
      </c>
      <c r="J40" s="123" t="s">
        <v>32</v>
      </c>
      <c r="K40" s="124" t="s">
        <v>33</v>
      </c>
      <c r="L40" s="26"/>
      <c r="M40" s="26"/>
      <c r="N40" s="26"/>
    </row>
    <row r="41" spans="1:14" s="13" customFormat="1" ht="33" customHeight="1" x14ac:dyDescent="0.2">
      <c r="A41" s="79" t="s">
        <v>0</v>
      </c>
      <c r="B41" s="63"/>
      <c r="C41" s="64"/>
      <c r="D41" s="77"/>
      <c r="E41" s="77"/>
      <c r="F41" s="77"/>
      <c r="G41" s="77"/>
      <c r="H41" s="90"/>
      <c r="I41" s="92"/>
      <c r="J41" s="91"/>
      <c r="K41" s="133">
        <v>1239</v>
      </c>
      <c r="L41" s="26"/>
      <c r="M41" s="26"/>
      <c r="N41" s="26"/>
    </row>
    <row r="42" spans="1:14" s="13" customFormat="1" ht="33" customHeight="1" x14ac:dyDescent="0.2">
      <c r="A42" s="78" t="s">
        <v>10</v>
      </c>
      <c r="B42" s="65"/>
      <c r="C42" s="66"/>
      <c r="D42" s="78"/>
      <c r="E42" s="78"/>
      <c r="F42" s="78"/>
      <c r="G42" s="79"/>
      <c r="H42" s="90"/>
      <c r="I42" s="92"/>
      <c r="J42" s="91"/>
      <c r="K42" s="134"/>
      <c r="L42" s="26"/>
      <c r="M42" s="26"/>
      <c r="N42" s="26"/>
    </row>
    <row r="43" spans="1:14" s="13" customFormat="1" ht="33" customHeight="1" x14ac:dyDescent="0.2">
      <c r="A43" s="80" t="s">
        <v>11</v>
      </c>
      <c r="B43" s="81"/>
      <c r="C43" s="82"/>
      <c r="D43" s="80"/>
      <c r="E43" s="80"/>
      <c r="F43" s="80"/>
      <c r="G43" s="80"/>
      <c r="H43" s="93"/>
      <c r="I43" s="103"/>
      <c r="J43" s="104"/>
      <c r="K43" s="135"/>
      <c r="L43" s="26"/>
      <c r="M43" s="26"/>
      <c r="N43" s="26"/>
    </row>
    <row r="44" spans="1:14" s="13" customFormat="1" ht="15.75" customHeight="1" x14ac:dyDescent="0.2">
      <c r="A44" s="67"/>
      <c r="B44" s="23"/>
      <c r="C44" s="10"/>
      <c r="D44" s="41"/>
      <c r="F44" s="14"/>
      <c r="G44" s="14"/>
      <c r="H44" s="14"/>
      <c r="I44" s="14"/>
      <c r="J44" s="26"/>
      <c r="K44" s="26"/>
      <c r="L44" s="26"/>
      <c r="M44" s="26"/>
      <c r="N44" s="26"/>
    </row>
    <row r="45" spans="1:14" s="13" customFormat="1" ht="15.75" customHeight="1" x14ac:dyDescent="0.2">
      <c r="A45" s="126" t="s">
        <v>60</v>
      </c>
      <c r="B45" s="126"/>
      <c r="C45" s="126"/>
      <c r="D45" s="126"/>
      <c r="E45" s="126"/>
      <c r="F45" s="126"/>
      <c r="G45" s="126"/>
      <c r="H45" s="126"/>
      <c r="I45" s="126"/>
      <c r="J45" s="126"/>
      <c r="K45" s="126"/>
      <c r="L45" s="26"/>
      <c r="M45" s="26"/>
      <c r="N45" s="26"/>
    </row>
    <row r="46" spans="1:14" s="13" customFormat="1" ht="15.75" customHeight="1" x14ac:dyDescent="0.2">
      <c r="A46" s="67"/>
      <c r="B46" s="23"/>
      <c r="C46" s="10"/>
      <c r="D46" s="41"/>
      <c r="F46" s="14"/>
      <c r="G46" s="14"/>
      <c r="H46" s="14"/>
      <c r="I46" s="14"/>
      <c r="J46" s="26"/>
      <c r="K46" s="26"/>
      <c r="L46" s="26"/>
      <c r="M46" s="26"/>
      <c r="N46" s="26"/>
    </row>
    <row r="47" spans="1:14" s="18" customFormat="1" ht="20.100000000000001" customHeight="1" x14ac:dyDescent="0.2">
      <c r="A47" s="42" t="s">
        <v>45</v>
      </c>
      <c r="B47" s="42"/>
      <c r="C47" s="140"/>
      <c r="D47" s="140"/>
      <c r="E47" s="25"/>
      <c r="F47" s="17"/>
      <c r="G47" s="17"/>
      <c r="H47" s="17"/>
      <c r="I47" s="17"/>
      <c r="J47" s="17"/>
      <c r="K47" s="26"/>
      <c r="L47" s="26"/>
      <c r="M47" s="26"/>
    </row>
    <row r="48" spans="1:14" s="18" customFormat="1" ht="20.100000000000001" customHeight="1" x14ac:dyDescent="0.2">
      <c r="A48" s="42" t="s">
        <v>46</v>
      </c>
      <c r="B48" s="42"/>
      <c r="C48" s="141"/>
      <c r="D48" s="141"/>
      <c r="E48" s="20"/>
      <c r="F48" s="17"/>
      <c r="G48" s="17"/>
      <c r="H48" s="17"/>
      <c r="I48" s="17"/>
      <c r="J48" s="17"/>
      <c r="K48" s="21"/>
      <c r="L48" s="21"/>
      <c r="M48" s="22"/>
    </row>
    <row r="49" spans="1:14" s="18" customFormat="1" ht="20.100000000000001" customHeight="1" x14ac:dyDescent="0.2">
      <c r="A49" s="42" t="s">
        <v>3</v>
      </c>
      <c r="B49" s="42"/>
      <c r="C49" s="141"/>
      <c r="D49" s="141"/>
      <c r="E49" s="20"/>
      <c r="F49" s="17"/>
      <c r="G49" s="17"/>
      <c r="H49" s="17"/>
      <c r="I49" s="17"/>
      <c r="J49" s="17"/>
      <c r="K49" s="21"/>
      <c r="L49" s="21"/>
      <c r="M49" s="22"/>
    </row>
    <row r="50" spans="1:14" s="18" customFormat="1" ht="20.100000000000001" customHeight="1" x14ac:dyDescent="0.25">
      <c r="A50" s="42"/>
      <c r="B50" s="42"/>
      <c r="C50" s="42"/>
      <c r="D50" s="19"/>
      <c r="E50" s="20"/>
      <c r="F50" s="17"/>
      <c r="G50" s="17"/>
      <c r="H50" s="17"/>
      <c r="I50" s="17"/>
      <c r="J50" s="17"/>
      <c r="K50" s="21"/>
      <c r="L50" s="21"/>
      <c r="M50" s="22"/>
    </row>
    <row r="51" spans="1:14" s="18" customFormat="1" ht="20.100000000000001" customHeight="1" x14ac:dyDescent="0.2">
      <c r="A51" s="42" t="s">
        <v>4</v>
      </c>
      <c r="B51" s="42"/>
      <c r="C51" s="140"/>
      <c r="D51" s="140"/>
      <c r="E51" s="20"/>
      <c r="F51" s="17"/>
      <c r="G51" s="17"/>
      <c r="H51" s="17"/>
      <c r="I51" s="17"/>
      <c r="J51" s="17"/>
      <c r="K51" s="21"/>
      <c r="L51" s="21"/>
      <c r="M51" s="22"/>
    </row>
    <row r="52" spans="1:14" s="18" customFormat="1" ht="20.100000000000001" customHeight="1" x14ac:dyDescent="0.2">
      <c r="A52" s="42" t="s">
        <v>5</v>
      </c>
      <c r="B52" s="42"/>
      <c r="C52" s="141"/>
      <c r="D52" s="141"/>
      <c r="E52" s="20"/>
      <c r="F52" s="17"/>
      <c r="G52" s="27" t="s">
        <v>18</v>
      </c>
      <c r="H52" s="147"/>
      <c r="I52" s="147"/>
      <c r="J52" s="17"/>
      <c r="K52" s="21"/>
      <c r="L52" s="21"/>
      <c r="M52" s="22"/>
    </row>
    <row r="53" spans="1:14" s="18" customFormat="1" ht="20.100000000000001" customHeight="1" x14ac:dyDescent="0.2">
      <c r="A53" s="42" t="s">
        <v>6</v>
      </c>
      <c r="B53" s="42"/>
      <c r="C53" s="141"/>
      <c r="D53" s="141"/>
      <c r="E53" s="20"/>
      <c r="F53" s="17"/>
      <c r="G53" s="28"/>
      <c r="H53" s="29"/>
      <c r="I53" s="29"/>
    </row>
    <row r="54" spans="1:14" s="18" customFormat="1" ht="20.100000000000001" customHeight="1" x14ac:dyDescent="0.25">
      <c r="A54" s="19"/>
      <c r="B54" s="19"/>
      <c r="C54" s="19"/>
      <c r="D54" s="20"/>
      <c r="E54" s="20"/>
      <c r="F54" s="17"/>
      <c r="G54" s="30" t="s">
        <v>19</v>
      </c>
      <c r="H54" s="148"/>
      <c r="I54" s="148"/>
    </row>
    <row r="55" spans="1:14" s="18" customFormat="1" ht="20.100000000000001" customHeight="1" x14ac:dyDescent="0.25">
      <c r="A55" s="19"/>
      <c r="B55" s="19"/>
      <c r="C55" s="19"/>
      <c r="D55" s="20"/>
      <c r="E55" s="20"/>
      <c r="F55" s="17"/>
      <c r="G55" s="30" t="s">
        <v>20</v>
      </c>
      <c r="H55" s="146"/>
      <c r="I55" s="146"/>
    </row>
    <row r="56" spans="1:14" s="13" customFormat="1" ht="20.100000000000001" customHeight="1" x14ac:dyDescent="0.2">
      <c r="A56" s="10" t="s">
        <v>2</v>
      </c>
      <c r="B56" s="141"/>
      <c r="C56" s="141"/>
      <c r="D56" s="11"/>
      <c r="E56" s="11"/>
      <c r="F56" s="14"/>
      <c r="G56" s="31" t="s">
        <v>21</v>
      </c>
      <c r="H56" s="28"/>
      <c r="I56" s="32"/>
      <c r="N56" s="10"/>
    </row>
    <row r="57" spans="1:14" s="13" customFormat="1" ht="20.100000000000001" customHeight="1" x14ac:dyDescent="0.2">
      <c r="A57" s="10" t="s">
        <v>1</v>
      </c>
      <c r="B57" s="145"/>
      <c r="C57" s="145"/>
      <c r="D57" s="11"/>
      <c r="E57" s="11"/>
      <c r="F57" s="14"/>
      <c r="G57" s="14"/>
      <c r="H57" s="14"/>
      <c r="I57" s="14"/>
      <c r="N57" s="10"/>
    </row>
    <row r="58" spans="1:14" s="13" customFormat="1" x14ac:dyDescent="0.2">
      <c r="A58" s="10"/>
      <c r="B58" s="10"/>
      <c r="C58" s="10"/>
      <c r="D58" s="11"/>
      <c r="E58" s="11"/>
      <c r="F58" s="14"/>
      <c r="G58" s="14"/>
      <c r="H58" s="14"/>
      <c r="I58" s="14"/>
      <c r="J58" s="14"/>
      <c r="K58" s="12"/>
      <c r="L58" s="12"/>
      <c r="M58" s="10"/>
      <c r="N58" s="10"/>
    </row>
    <row r="59" spans="1:14" s="13" customFormat="1" ht="15" customHeight="1" x14ac:dyDescent="0.2">
      <c r="A59" s="10"/>
      <c r="B59" s="10"/>
      <c r="D59" s="11"/>
      <c r="E59" s="11"/>
      <c r="F59" s="14"/>
      <c r="G59" s="14"/>
      <c r="H59" s="14"/>
      <c r="I59" s="14"/>
      <c r="J59" s="14"/>
      <c r="K59" s="12"/>
      <c r="L59" s="12"/>
      <c r="M59" s="10"/>
      <c r="N59" s="10"/>
    </row>
    <row r="60" spans="1:14" s="2" customFormat="1" x14ac:dyDescent="0.2">
      <c r="A60" s="144" t="s">
        <v>8</v>
      </c>
      <c r="B60" s="144"/>
      <c r="D60" s="3"/>
      <c r="E60" s="3"/>
      <c r="F60" s="4"/>
      <c r="G60" s="4"/>
      <c r="H60" s="4"/>
      <c r="I60" s="4"/>
      <c r="J60" s="4"/>
      <c r="K60" s="15"/>
      <c r="L60" s="15"/>
    </row>
    <row r="61" spans="1:14" ht="14.25" x14ac:dyDescent="0.2">
      <c r="A61" s="33"/>
      <c r="B61" s="89" t="s">
        <v>9</v>
      </c>
    </row>
    <row r="62" spans="1:14" ht="6.75" customHeight="1" x14ac:dyDescent="0.2">
      <c r="A62" s="34"/>
      <c r="B62" s="35"/>
    </row>
  </sheetData>
  <mergeCells count="69">
    <mergeCell ref="A1:N1"/>
    <mergeCell ref="H14:J14"/>
    <mergeCell ref="A13:K13"/>
    <mergeCell ref="E14:E15"/>
    <mergeCell ref="F14:F15"/>
    <mergeCell ref="G14:G15"/>
    <mergeCell ref="A3:M3"/>
    <mergeCell ref="A4:A5"/>
    <mergeCell ref="B4:B5"/>
    <mergeCell ref="M4:N4"/>
    <mergeCell ref="C4:C5"/>
    <mergeCell ref="D4:D5"/>
    <mergeCell ref="M14:N14"/>
    <mergeCell ref="A14:A15"/>
    <mergeCell ref="B14:B15"/>
    <mergeCell ref="C14:C15"/>
    <mergeCell ref="H22:J22"/>
    <mergeCell ref="K22:K23"/>
    <mergeCell ref="A60:B60"/>
    <mergeCell ref="B56:C56"/>
    <mergeCell ref="B57:C57"/>
    <mergeCell ref="H55:I55"/>
    <mergeCell ref="H52:I52"/>
    <mergeCell ref="H54:I54"/>
    <mergeCell ref="C53:D53"/>
    <mergeCell ref="C22:C23"/>
    <mergeCell ref="D22:D23"/>
    <mergeCell ref="E22:E23"/>
    <mergeCell ref="F22:F23"/>
    <mergeCell ref="G22:G23"/>
    <mergeCell ref="A29:K29"/>
    <mergeCell ref="A30:A31"/>
    <mergeCell ref="D14:D15"/>
    <mergeCell ref="K25:K27"/>
    <mergeCell ref="I4:L4"/>
    <mergeCell ref="C51:D51"/>
    <mergeCell ref="C52:D52"/>
    <mergeCell ref="K14:K15"/>
    <mergeCell ref="C49:D49"/>
    <mergeCell ref="C47:D47"/>
    <mergeCell ref="C48:D48"/>
    <mergeCell ref="E4:E5"/>
    <mergeCell ref="F4:F5"/>
    <mergeCell ref="G4:G5"/>
    <mergeCell ref="K17:K19"/>
    <mergeCell ref="A21:K21"/>
    <mergeCell ref="A22:A23"/>
    <mergeCell ref="B22:B23"/>
    <mergeCell ref="G30:G31"/>
    <mergeCell ref="H30:J30"/>
    <mergeCell ref="K30:K31"/>
    <mergeCell ref="K33:K35"/>
    <mergeCell ref="A37:K37"/>
    <mergeCell ref="B30:B31"/>
    <mergeCell ref="C30:C31"/>
    <mergeCell ref="D30:D31"/>
    <mergeCell ref="E30:E31"/>
    <mergeCell ref="F30:F31"/>
    <mergeCell ref="A45:K45"/>
    <mergeCell ref="F38:F39"/>
    <mergeCell ref="G38:G39"/>
    <mergeCell ref="H38:J38"/>
    <mergeCell ref="K38:K39"/>
    <mergeCell ref="K41:K43"/>
    <mergeCell ref="A38:A39"/>
    <mergeCell ref="B38:B39"/>
    <mergeCell ref="C38:C39"/>
    <mergeCell ref="D38:D39"/>
    <mergeCell ref="E38:E39"/>
  </mergeCells>
  <conditionalFormatting sqref="B56:C56">
    <cfRule type="containsBlanks" dxfId="7" priority="23">
      <formula>LEN(TRIM(B56))=0</formula>
    </cfRule>
  </conditionalFormatting>
  <conditionalFormatting sqref="B57:C57">
    <cfRule type="containsBlanks" dxfId="6" priority="22">
      <formula>LEN(TRIM(B57))=0</formula>
    </cfRule>
  </conditionalFormatting>
  <conditionalFormatting sqref="H54:I54">
    <cfRule type="containsBlanks" dxfId="5" priority="9">
      <formula>LEN(TRIM(H54))=0</formula>
    </cfRule>
  </conditionalFormatting>
  <conditionalFormatting sqref="H55:I55">
    <cfRule type="containsBlanks" dxfId="4" priority="8">
      <formula>LEN(TRIM(H55))=0</formula>
    </cfRule>
  </conditionalFormatting>
  <conditionalFormatting sqref="C47:D49">
    <cfRule type="containsBlanks" dxfId="3" priority="4">
      <formula>LEN(TRIM(C47))=0</formula>
    </cfRule>
  </conditionalFormatting>
  <conditionalFormatting sqref="C51:D53">
    <cfRule type="containsBlanks" dxfId="2" priority="3">
      <formula>LEN(TRIM(C51))=0</formula>
    </cfRule>
  </conditionalFormatting>
  <conditionalFormatting sqref="E7:H10">
    <cfRule type="containsBlanks" dxfId="1" priority="2">
      <formula>LEN(TRIM(E7))=0</formula>
    </cfRule>
  </conditionalFormatting>
  <conditionalFormatting sqref="I7:J10">
    <cfRule type="containsBlanks" dxfId="0" priority="1">
      <formula>LEN(TRIM(I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1" fitToHeight="0" orientation="landscape" r:id="rId1"/>
  <headerFooter alignWithMargins="0"/>
  <rowBreaks count="1" manualBreakCount="1">
    <brk id="28" max="13" man="1"/>
  </rowBreaks>
  <colBreaks count="1" manualBreakCount="1">
    <brk id="14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08-14T09:35:49Z</cp:lastPrinted>
  <dcterms:created xsi:type="dcterms:W3CDTF">2016-07-20T08:41:08Z</dcterms:created>
  <dcterms:modified xsi:type="dcterms:W3CDTF">2025-08-14T09:35:55Z</dcterms:modified>
</cp:coreProperties>
</file>